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5_(新)在宅医療退院支援強化事業費補助\01_申請様式（案）\★★施行用\(施行)HP掲載用\"/>
    </mc:Choice>
  </mc:AlternateContent>
  <bookViews>
    <workbookView xWindow="480" yWindow="36" windowWidth="8496" windowHeight="4728"/>
  </bookViews>
  <sheets>
    <sheet name="別紙７ 事業実績額明細書" sheetId="23" r:id="rId1"/>
  </sheets>
  <externalReferences>
    <externalReference r:id="rId2"/>
  </externalReferences>
  <definedNames>
    <definedName name="_xlnm.Print_Area" localSheetId="0">'別紙７ 事業実績額明細書'!$A$1:$G$39</definedName>
    <definedName name="Z_E7BCDAF7_C2B9_4608_9038_2343C8577E4D_.wvu.PrintArea" localSheetId="0" hidden="1">'別紙７ 事業実績額明細書'!$A$1:$G$39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D25" i="23" l="1"/>
  <c r="D37" i="23"/>
  <c r="D39" i="23"/>
</calcChain>
</file>

<file path=xl/sharedStrings.xml><?xml version="1.0" encoding="utf-8"?>
<sst xmlns="http://schemas.openxmlformats.org/spreadsheetml/2006/main" count="15" uniqueCount="12">
  <si>
    <t>円</t>
    <rPh sb="0" eb="1">
      <t>エン</t>
    </rPh>
    <phoneticPr fontId="1"/>
  </si>
  <si>
    <t>収入額</t>
    <rPh sb="0" eb="2">
      <t>シュウニュウ</t>
    </rPh>
    <rPh sb="2" eb="3">
      <t>ガク</t>
    </rPh>
    <phoneticPr fontId="1"/>
  </si>
  <si>
    <t>（補助事業者名）</t>
  </si>
  <si>
    <t>収支差額</t>
    <rPh sb="0" eb="2">
      <t>シュウシ</t>
    </rPh>
    <rPh sb="2" eb="4">
      <t>サガク</t>
    </rPh>
    <phoneticPr fontId="8"/>
  </si>
  <si>
    <t>合計</t>
    <rPh sb="0" eb="2">
      <t>ゴウケイ</t>
    </rPh>
    <phoneticPr fontId="1"/>
  </si>
  <si>
    <t>区分</t>
    <rPh sb="0" eb="2">
      <t>クブン</t>
    </rPh>
    <phoneticPr fontId="1"/>
  </si>
  <si>
    <t>２．歳入額（寄付金その他の収入額）</t>
    <rPh sb="2" eb="5">
      <t>サイニュウガク</t>
    </rPh>
    <rPh sb="6" eb="9">
      <t>キフキン</t>
    </rPh>
    <rPh sb="11" eb="12">
      <t>タ</t>
    </rPh>
    <rPh sb="13" eb="15">
      <t>シュウニュウ</t>
    </rPh>
    <rPh sb="15" eb="16">
      <t>ガク</t>
    </rPh>
    <phoneticPr fontId="1"/>
  </si>
  <si>
    <t>算出内訳</t>
    <rPh sb="0" eb="2">
      <t>サンシュツ</t>
    </rPh>
    <rPh sb="2" eb="4">
      <t>ウチワケ</t>
    </rPh>
    <phoneticPr fontId="1"/>
  </si>
  <si>
    <t>支出額</t>
    <rPh sb="0" eb="3">
      <t>シシュツガク</t>
    </rPh>
    <phoneticPr fontId="1"/>
  </si>
  <si>
    <t>１．歳出額</t>
    <rPh sb="2" eb="5">
      <t>サイシュツガク</t>
    </rPh>
    <phoneticPr fontId="1"/>
  </si>
  <si>
    <t>事業実績額明細書</t>
    <rPh sb="0" eb="2">
      <t>ジギョウ</t>
    </rPh>
    <rPh sb="2" eb="4">
      <t>ジッセキ</t>
    </rPh>
    <rPh sb="4" eb="5">
      <t>ガク</t>
    </rPh>
    <rPh sb="5" eb="8">
      <t>メイサイショ</t>
    </rPh>
    <phoneticPr fontId="1"/>
  </si>
  <si>
    <t>別紙７</t>
    <rPh sb="0" eb="2">
      <t>ベッシ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2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color rgb="FFFF0000"/>
      <name val="ＭＳ 明朝"/>
      <family val="1"/>
      <charset val="128"/>
    </font>
    <font>
      <sz val="10"/>
      <name val="ＭＳ ゴシック"/>
      <family val="3"/>
      <charset val="128"/>
    </font>
    <font>
      <sz val="1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9">
    <xf numFmtId="0" fontId="0" fillId="0" borderId="0"/>
    <xf numFmtId="38" fontId="3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>
      <alignment vertical="center"/>
    </xf>
    <xf numFmtId="0" fontId="7" fillId="0" borderId="0">
      <alignment vertical="center"/>
    </xf>
    <xf numFmtId="38" fontId="7" fillId="0" borderId="0" applyFont="0" applyFill="0" applyBorder="0" applyAlignment="0" applyProtection="0">
      <alignment vertical="center"/>
    </xf>
    <xf numFmtId="0" fontId="3" fillId="0" borderId="0"/>
    <xf numFmtId="0" fontId="3" fillId="0" borderId="0"/>
  </cellStyleXfs>
  <cellXfs count="49">
    <xf numFmtId="0" fontId="0" fillId="0" borderId="0" xfId="0"/>
    <xf numFmtId="0" fontId="7" fillId="0" borderId="0" xfId="5">
      <alignment vertical="center"/>
    </xf>
    <xf numFmtId="0" fontId="7" fillId="0" borderId="9" xfId="5" applyBorder="1">
      <alignment vertical="center"/>
    </xf>
    <xf numFmtId="0" fontId="7" fillId="0" borderId="2" xfId="5" applyBorder="1">
      <alignment vertical="center"/>
    </xf>
    <xf numFmtId="0" fontId="7" fillId="0" borderId="1" xfId="5" applyBorder="1">
      <alignment vertical="center"/>
    </xf>
    <xf numFmtId="0" fontId="6" fillId="0" borderId="0" xfId="5" applyFont="1">
      <alignment vertical="center"/>
    </xf>
    <xf numFmtId="0" fontId="6" fillId="0" borderId="0" xfId="5" applyFont="1" applyBorder="1">
      <alignment vertical="center"/>
    </xf>
    <xf numFmtId="38" fontId="6" fillId="0" borderId="5" xfId="6" applyFont="1" applyBorder="1">
      <alignment vertical="center"/>
    </xf>
    <xf numFmtId="0" fontId="6" fillId="0" borderId="8" xfId="5" applyFont="1" applyBorder="1">
      <alignment vertical="center"/>
    </xf>
    <xf numFmtId="0" fontId="6" fillId="0" borderId="0" xfId="5" applyFont="1" applyBorder="1" applyAlignment="1">
      <alignment vertical="center"/>
    </xf>
    <xf numFmtId="38" fontId="6" fillId="0" borderId="5" xfId="6" applyFont="1" applyBorder="1" applyAlignment="1">
      <alignment vertical="center"/>
    </xf>
    <xf numFmtId="38" fontId="6" fillId="0" borderId="4" xfId="6" applyFont="1" applyBorder="1" applyAlignment="1">
      <alignment vertical="center"/>
    </xf>
    <xf numFmtId="0" fontId="6" fillId="0" borderId="10" xfId="5" applyFont="1" applyBorder="1" applyAlignment="1">
      <alignment vertical="center"/>
    </xf>
    <xf numFmtId="0" fontId="9" fillId="0" borderId="0" xfId="5" applyFont="1" applyBorder="1" applyAlignment="1">
      <alignment vertical="center"/>
    </xf>
    <xf numFmtId="0" fontId="9" fillId="0" borderId="0" xfId="5" applyFont="1" applyFill="1" applyBorder="1" applyAlignment="1">
      <alignment vertical="center"/>
    </xf>
    <xf numFmtId="0" fontId="6" fillId="0" borderId="4" xfId="5" applyFont="1" applyBorder="1" applyAlignment="1">
      <alignment horizontal="right" vertical="center"/>
    </xf>
    <xf numFmtId="0" fontId="6" fillId="0" borderId="5" xfId="5" applyFont="1" applyBorder="1" applyAlignment="1">
      <alignment horizontal="center" vertical="center"/>
    </xf>
    <xf numFmtId="0" fontId="7" fillId="0" borderId="0" xfId="5" applyFont="1">
      <alignment vertical="center"/>
    </xf>
    <xf numFmtId="38" fontId="7" fillId="0" borderId="0" xfId="6" applyFont="1">
      <alignment vertical="center"/>
    </xf>
    <xf numFmtId="0" fontId="5" fillId="0" borderId="0" xfId="5" applyFont="1" applyAlignment="1">
      <alignment vertical="center"/>
    </xf>
    <xf numFmtId="0" fontId="6" fillId="0" borderId="0" xfId="5" applyFont="1" applyAlignment="1">
      <alignment vertical="center"/>
    </xf>
    <xf numFmtId="0" fontId="6" fillId="0" borderId="6" xfId="5" applyFont="1" applyBorder="1" applyAlignment="1">
      <alignment vertical="center"/>
    </xf>
    <xf numFmtId="0" fontId="6" fillId="0" borderId="8" xfId="5" applyFont="1" applyBorder="1" applyAlignment="1">
      <alignment vertical="center"/>
    </xf>
    <xf numFmtId="0" fontId="6" fillId="0" borderId="7" xfId="5" applyFont="1" applyBorder="1" applyAlignment="1">
      <alignment vertical="center"/>
    </xf>
    <xf numFmtId="0" fontId="6" fillId="0" borderId="11" xfId="5" applyFont="1" applyBorder="1" applyAlignment="1">
      <alignment vertical="center"/>
    </xf>
    <xf numFmtId="0" fontId="6" fillId="0" borderId="10" xfId="5" applyFont="1" applyBorder="1" applyAlignment="1">
      <alignment horizontal="left" vertical="center"/>
    </xf>
    <xf numFmtId="176" fontId="6" fillId="0" borderId="11" xfId="5" applyNumberFormat="1" applyFont="1" applyBorder="1" applyAlignment="1">
      <alignment vertical="center"/>
    </xf>
    <xf numFmtId="0" fontId="7" fillId="0" borderId="11" xfId="5" applyFont="1" applyBorder="1" applyAlignment="1">
      <alignment vertical="center"/>
    </xf>
    <xf numFmtId="0" fontId="7" fillId="0" borderId="0" xfId="5" applyFont="1" applyAlignment="1">
      <alignment vertical="center"/>
    </xf>
    <xf numFmtId="0" fontId="7" fillId="0" borderId="10" xfId="5" applyFont="1" applyBorder="1" applyAlignment="1">
      <alignment vertical="center"/>
    </xf>
    <xf numFmtId="0" fontId="9" fillId="0" borderId="10" xfId="5" applyFont="1" applyBorder="1" applyAlignment="1">
      <alignment vertical="center"/>
    </xf>
    <xf numFmtId="0" fontId="6" fillId="0" borderId="0" xfId="5" applyFont="1" applyAlignment="1">
      <alignment horizontal="center" vertical="center"/>
    </xf>
    <xf numFmtId="0" fontId="6" fillId="0" borderId="0" xfId="7" applyFont="1"/>
    <xf numFmtId="0" fontId="6" fillId="0" borderId="3" xfId="7" applyFont="1" applyBorder="1"/>
    <xf numFmtId="0" fontId="6" fillId="0" borderId="3" xfId="8" applyFont="1" applyFill="1" applyBorder="1" applyAlignment="1"/>
    <xf numFmtId="0" fontId="6" fillId="0" borderId="0" xfId="7" applyFont="1" applyBorder="1"/>
    <xf numFmtId="0" fontId="10" fillId="0" borderId="0" xfId="7" applyFont="1" applyAlignment="1">
      <alignment vertical="center"/>
    </xf>
    <xf numFmtId="0" fontId="2" fillId="0" borderId="0" xfId="7" applyFont="1" applyAlignment="1">
      <alignment vertical="center"/>
    </xf>
    <xf numFmtId="0" fontId="11" fillId="0" borderId="0" xfId="7" applyFont="1"/>
    <xf numFmtId="0" fontId="6" fillId="0" borderId="0" xfId="5" applyFont="1" applyAlignment="1">
      <alignment vertical="center"/>
    </xf>
    <xf numFmtId="0" fontId="6" fillId="0" borderId="0" xfId="5" applyFont="1" applyAlignment="1">
      <alignment vertical="center"/>
    </xf>
    <xf numFmtId="0" fontId="7" fillId="0" borderId="0" xfId="5" applyFont="1" applyAlignment="1">
      <alignment vertical="center"/>
    </xf>
    <xf numFmtId="0" fontId="6" fillId="0" borderId="7" xfId="5" applyFont="1" applyBorder="1" applyAlignment="1">
      <alignment horizontal="center" vertical="center"/>
    </xf>
    <xf numFmtId="0" fontId="7" fillId="0" borderId="8" xfId="5" applyFont="1" applyBorder="1">
      <alignment vertical="center"/>
    </xf>
    <xf numFmtId="0" fontId="6" fillId="0" borderId="8" xfId="5" applyFont="1" applyBorder="1" applyAlignment="1">
      <alignment horizontal="center" vertical="center"/>
    </xf>
    <xf numFmtId="0" fontId="7" fillId="0" borderId="0" xfId="7" applyFont="1" applyAlignment="1">
      <alignment horizontal="center" vertical="center"/>
    </xf>
    <xf numFmtId="0" fontId="6" fillId="0" borderId="6" xfId="5" applyFont="1" applyBorder="1" applyAlignment="1">
      <alignment horizontal="center" vertical="center"/>
    </xf>
    <xf numFmtId="0" fontId="6" fillId="0" borderId="0" xfId="5" applyFont="1" applyBorder="1" applyAlignment="1">
      <alignment horizontal="center" vertical="center"/>
    </xf>
    <xf numFmtId="0" fontId="7" fillId="0" borderId="0" xfId="5" applyFont="1" applyBorder="1">
      <alignment vertical="center"/>
    </xf>
  </cellXfs>
  <cellStyles count="9">
    <cellStyle name="桁区切り 2" xfId="1"/>
    <cellStyle name="桁区切り 3" xfId="3"/>
    <cellStyle name="桁区切り 3 2" xfId="6"/>
    <cellStyle name="標準" xfId="0" builtinId="0"/>
    <cellStyle name="標準 2" xfId="2"/>
    <cellStyle name="標準 3" xfId="4"/>
    <cellStyle name="標準 4" xfId="5"/>
    <cellStyle name="標準_◆【別紙1-1、1-2】計画書" xfId="8"/>
    <cellStyle name="標準_◆【別紙様式5】分娩手当所要額" xfId="7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75"/>
  <sheetViews>
    <sheetView tabSelected="1" view="pageBreakPreview" zoomScaleNormal="100" workbookViewId="0">
      <selection activeCell="A2" sqref="A2:G2"/>
    </sheetView>
  </sheetViews>
  <sheetFormatPr defaultColWidth="9" defaultRowHeight="14.4"/>
  <cols>
    <col min="1" max="1" width="6.6640625" style="1" customWidth="1"/>
    <col min="2" max="2" width="6.77734375" style="1" customWidth="1"/>
    <col min="3" max="3" width="20.77734375" style="1" customWidth="1"/>
    <col min="4" max="4" width="15.21875" style="1" customWidth="1"/>
    <col min="5" max="5" width="8" style="1" customWidth="1"/>
    <col min="6" max="6" width="9" style="1"/>
    <col min="7" max="7" width="11.21875" style="1" bestFit="1" customWidth="1"/>
    <col min="8" max="16384" width="9" style="1"/>
  </cols>
  <sheetData>
    <row r="1" spans="1:12" s="38" customFormat="1" ht="18.75" customHeight="1">
      <c r="A1" s="40" t="s">
        <v>11</v>
      </c>
      <c r="B1" s="41"/>
      <c r="C1" s="32"/>
      <c r="D1" s="32"/>
      <c r="E1" s="32"/>
      <c r="F1" s="32"/>
      <c r="G1" s="32"/>
    </row>
    <row r="2" spans="1:12" s="36" customFormat="1" ht="20.25" customHeight="1">
      <c r="A2" s="45" t="s">
        <v>10</v>
      </c>
      <c r="B2" s="45"/>
      <c r="C2" s="45"/>
      <c r="D2" s="45"/>
      <c r="E2" s="45"/>
      <c r="F2" s="45"/>
      <c r="G2" s="45"/>
      <c r="H2" s="37"/>
      <c r="I2" s="37"/>
      <c r="J2" s="37"/>
      <c r="K2" s="37"/>
      <c r="L2" s="37"/>
    </row>
    <row r="3" spans="1:12" s="32" customFormat="1" ht="9" customHeight="1">
      <c r="D3" s="35"/>
      <c r="E3" s="35"/>
      <c r="F3" s="35"/>
      <c r="G3" s="35"/>
    </row>
    <row r="4" spans="1:12" s="32" customFormat="1" ht="18" customHeight="1">
      <c r="D4" s="33" t="s">
        <v>2</v>
      </c>
      <c r="E4" s="34"/>
      <c r="F4" s="33"/>
      <c r="G4" s="33"/>
    </row>
    <row r="5" spans="1:12" s="17" customFormat="1" ht="9" customHeight="1"/>
    <row r="6" spans="1:12" s="19" customFormat="1" ht="15" customHeight="1">
      <c r="A6" s="19" t="s">
        <v>9</v>
      </c>
    </row>
    <row r="7" spans="1:12" s="31" customFormat="1" ht="15" customHeight="1">
      <c r="A7" s="42" t="s">
        <v>5</v>
      </c>
      <c r="B7" s="44"/>
      <c r="C7" s="46"/>
      <c r="D7" s="16" t="s">
        <v>8</v>
      </c>
      <c r="E7" s="42" t="s">
        <v>7</v>
      </c>
      <c r="F7" s="44"/>
      <c r="G7" s="46"/>
    </row>
    <row r="8" spans="1:12" s="20" customFormat="1" ht="15" customHeight="1">
      <c r="A8" s="25"/>
      <c r="B8" s="9"/>
      <c r="C8" s="24"/>
      <c r="D8" s="15" t="s">
        <v>0</v>
      </c>
      <c r="E8" s="12"/>
      <c r="F8" s="9"/>
      <c r="G8" s="24"/>
    </row>
    <row r="9" spans="1:12" s="20" customFormat="1" ht="15" customHeight="1">
      <c r="A9" s="25"/>
      <c r="B9" s="9"/>
      <c r="C9" s="24"/>
      <c r="D9" s="11"/>
      <c r="E9" s="12"/>
      <c r="F9" s="9"/>
      <c r="G9" s="26"/>
    </row>
    <row r="10" spans="1:12" s="20" customFormat="1" ht="15" customHeight="1">
      <c r="A10" s="25"/>
      <c r="B10" s="39"/>
      <c r="C10" s="39"/>
      <c r="D10" s="11"/>
      <c r="E10" s="12"/>
      <c r="F10" s="9"/>
      <c r="G10" s="26"/>
    </row>
    <row r="11" spans="1:12" s="20" customFormat="1" ht="15" customHeight="1">
      <c r="A11" s="25"/>
      <c r="B11" s="39"/>
      <c r="C11" s="39"/>
      <c r="D11" s="11"/>
      <c r="E11" s="12"/>
      <c r="F11" s="9"/>
      <c r="G11" s="24"/>
    </row>
    <row r="12" spans="1:12" s="20" customFormat="1" ht="15" customHeight="1">
      <c r="A12" s="25"/>
      <c r="B12" s="39"/>
      <c r="C12" s="39"/>
      <c r="D12" s="11"/>
      <c r="E12" s="12"/>
      <c r="F12" s="9"/>
      <c r="G12" s="24"/>
    </row>
    <row r="13" spans="1:12" s="20" customFormat="1" ht="15" customHeight="1">
      <c r="A13" s="25"/>
      <c r="B13" s="39"/>
      <c r="C13" s="39"/>
      <c r="D13" s="11"/>
      <c r="E13" s="12"/>
      <c r="F13" s="9"/>
      <c r="G13" s="24"/>
    </row>
    <row r="14" spans="1:12" s="20" customFormat="1" ht="15" customHeight="1">
      <c r="A14" s="25"/>
      <c r="B14" s="9"/>
      <c r="C14" s="39"/>
      <c r="D14" s="11"/>
      <c r="E14" s="12"/>
      <c r="F14" s="9"/>
      <c r="G14" s="24"/>
    </row>
    <row r="15" spans="1:12" s="20" customFormat="1" ht="15" customHeight="1">
      <c r="A15" s="25"/>
      <c r="B15" s="9"/>
      <c r="C15" s="39"/>
      <c r="D15" s="11"/>
      <c r="E15" s="12"/>
      <c r="F15" s="9"/>
      <c r="G15" s="24"/>
    </row>
    <row r="16" spans="1:12" s="20" customFormat="1" ht="15" customHeight="1">
      <c r="A16" s="25"/>
      <c r="B16" s="9"/>
      <c r="C16" s="39"/>
      <c r="D16" s="11"/>
      <c r="E16" s="30"/>
      <c r="F16" s="28"/>
      <c r="G16" s="27"/>
    </row>
    <row r="17" spans="1:7" s="20" customFormat="1" ht="15" customHeight="1">
      <c r="A17" s="25"/>
      <c r="B17" s="9"/>
      <c r="C17" s="9"/>
      <c r="D17" s="11"/>
      <c r="E17" s="29"/>
      <c r="F17" s="28"/>
      <c r="G17" s="27"/>
    </row>
    <row r="18" spans="1:7" s="20" customFormat="1" ht="15" customHeight="1">
      <c r="A18" s="25"/>
      <c r="B18" s="9"/>
      <c r="C18" s="9"/>
      <c r="D18" s="11"/>
      <c r="E18" s="29"/>
      <c r="F18" s="28"/>
      <c r="G18" s="27"/>
    </row>
    <row r="19" spans="1:7" s="20" customFormat="1" ht="15" customHeight="1">
      <c r="A19" s="25"/>
      <c r="B19" s="9"/>
      <c r="C19" s="9"/>
      <c r="D19" s="11"/>
      <c r="E19" s="29"/>
      <c r="F19" s="28"/>
      <c r="G19" s="27"/>
    </row>
    <row r="20" spans="1:7" s="20" customFormat="1" ht="15" customHeight="1">
      <c r="A20" s="25"/>
      <c r="B20" s="9"/>
      <c r="C20" s="9"/>
      <c r="D20" s="11"/>
      <c r="E20" s="29"/>
      <c r="F20" s="28"/>
      <c r="G20" s="27"/>
    </row>
    <row r="21" spans="1:7" s="20" customFormat="1" ht="15" customHeight="1">
      <c r="A21" s="25"/>
      <c r="B21" s="9"/>
      <c r="C21" s="9"/>
      <c r="D21" s="11"/>
      <c r="E21" s="29"/>
      <c r="F21" s="28"/>
      <c r="G21" s="27"/>
    </row>
    <row r="22" spans="1:7" s="20" customFormat="1" ht="15" customHeight="1">
      <c r="A22" s="25"/>
      <c r="B22" s="9"/>
      <c r="C22" s="39"/>
      <c r="D22" s="11"/>
      <c r="E22" s="29"/>
      <c r="F22" s="28"/>
      <c r="G22" s="27"/>
    </row>
    <row r="23" spans="1:7" s="20" customFormat="1" ht="15" customHeight="1">
      <c r="A23" s="25"/>
      <c r="B23" s="9"/>
      <c r="C23" s="39"/>
      <c r="D23" s="11"/>
      <c r="E23" s="12"/>
      <c r="F23" s="9"/>
      <c r="G23" s="26"/>
    </row>
    <row r="24" spans="1:7" s="20" customFormat="1" ht="15" customHeight="1">
      <c r="A24" s="25"/>
      <c r="B24" s="9"/>
      <c r="C24" s="24"/>
      <c r="D24" s="11"/>
      <c r="E24" s="12"/>
      <c r="F24" s="9"/>
      <c r="G24" s="24"/>
    </row>
    <row r="25" spans="1:7" s="20" customFormat="1" ht="21" customHeight="1">
      <c r="A25" s="42" t="s">
        <v>4</v>
      </c>
      <c r="B25" s="44"/>
      <c r="C25" s="46"/>
      <c r="D25" s="10">
        <f>SUM(D9:D24)</f>
        <v>0</v>
      </c>
      <c r="E25" s="23"/>
      <c r="F25" s="22"/>
      <c r="G25" s="21"/>
    </row>
    <row r="26" spans="1:7" s="17" customFormat="1">
      <c r="D26" s="18"/>
    </row>
    <row r="27" spans="1:7" s="17" customFormat="1">
      <c r="A27" s="19" t="s">
        <v>6</v>
      </c>
      <c r="D27" s="18"/>
    </row>
    <row r="28" spans="1:7" s="5" customFormat="1" ht="15" customHeight="1">
      <c r="A28" s="42" t="s">
        <v>5</v>
      </c>
      <c r="B28" s="43"/>
      <c r="C28" s="43"/>
      <c r="D28" s="16" t="s">
        <v>1</v>
      </c>
      <c r="E28" s="47"/>
      <c r="F28" s="48"/>
      <c r="G28" s="48"/>
    </row>
    <row r="29" spans="1:7" s="5" customFormat="1" ht="15" customHeight="1">
      <c r="A29" s="12"/>
      <c r="B29" s="9"/>
      <c r="C29" s="9"/>
      <c r="D29" s="15" t="s">
        <v>0</v>
      </c>
      <c r="E29" s="9"/>
      <c r="F29" s="9"/>
      <c r="G29" s="9"/>
    </row>
    <row r="30" spans="1:7" s="5" customFormat="1" ht="15" customHeight="1">
      <c r="A30" s="12"/>
      <c r="B30" s="9"/>
      <c r="C30" s="9"/>
      <c r="D30" s="11"/>
      <c r="E30" s="9"/>
      <c r="F30" s="9"/>
      <c r="G30" s="9"/>
    </row>
    <row r="31" spans="1:7" s="5" customFormat="1" ht="15" customHeight="1">
      <c r="A31" s="12"/>
      <c r="B31" s="9"/>
      <c r="C31" s="9"/>
      <c r="D31" s="11"/>
      <c r="E31" s="9"/>
      <c r="F31" s="9"/>
      <c r="G31" s="9"/>
    </row>
    <row r="32" spans="1:7" s="5" customFormat="1" ht="15" customHeight="1">
      <c r="A32" s="12"/>
      <c r="B32" s="9"/>
      <c r="C32" s="9"/>
      <c r="D32" s="11"/>
      <c r="E32" s="9"/>
      <c r="F32" s="9"/>
      <c r="G32" s="9"/>
    </row>
    <row r="33" spans="1:7" s="5" customFormat="1" ht="15" customHeight="1">
      <c r="A33" s="12"/>
      <c r="B33" s="14"/>
      <c r="C33" s="13"/>
      <c r="D33" s="11"/>
      <c r="E33" s="9"/>
      <c r="F33" s="9"/>
      <c r="G33" s="9"/>
    </row>
    <row r="34" spans="1:7" s="5" customFormat="1" ht="15" customHeight="1">
      <c r="A34" s="12"/>
      <c r="B34" s="9"/>
      <c r="C34" s="9"/>
      <c r="D34" s="11"/>
      <c r="E34" s="9"/>
      <c r="F34" s="9"/>
      <c r="G34" s="9"/>
    </row>
    <row r="35" spans="1:7" s="5" customFormat="1" ht="15" customHeight="1">
      <c r="A35" s="12"/>
      <c r="B35" s="9"/>
      <c r="C35" s="9"/>
      <c r="D35" s="11"/>
      <c r="E35" s="9"/>
      <c r="F35" s="9"/>
      <c r="G35" s="9"/>
    </row>
    <row r="36" spans="1:7" s="5" customFormat="1" ht="15" customHeight="1">
      <c r="A36" s="12"/>
      <c r="B36" s="9"/>
      <c r="C36" s="9"/>
      <c r="D36" s="11"/>
      <c r="E36" s="9"/>
      <c r="F36" s="9"/>
      <c r="G36" s="9"/>
    </row>
    <row r="37" spans="1:7" s="5" customFormat="1" ht="21" customHeight="1">
      <c r="A37" s="42" t="s">
        <v>4</v>
      </c>
      <c r="B37" s="43"/>
      <c r="C37" s="43"/>
      <c r="D37" s="10">
        <f>SUM(D30:D36)</f>
        <v>0</v>
      </c>
      <c r="E37" s="9"/>
      <c r="F37" s="9"/>
      <c r="G37" s="9"/>
    </row>
    <row r="38" spans="1:7" s="5" customFormat="1" ht="12">
      <c r="D38" s="8"/>
      <c r="E38" s="6"/>
      <c r="F38" s="6"/>
      <c r="G38" s="6"/>
    </row>
    <row r="39" spans="1:7" s="5" customFormat="1" ht="21" customHeight="1">
      <c r="A39" s="42" t="s">
        <v>3</v>
      </c>
      <c r="B39" s="44"/>
      <c r="C39" s="44"/>
      <c r="D39" s="7">
        <f>D25-D37</f>
        <v>0</v>
      </c>
      <c r="E39" s="6"/>
      <c r="F39" s="6"/>
      <c r="G39" s="6"/>
    </row>
    <row r="75" spans="1:12">
      <c r="A75" s="4"/>
      <c r="B75" s="3"/>
      <c r="C75" s="3"/>
      <c r="D75" s="3"/>
      <c r="E75" s="3"/>
      <c r="F75" s="3"/>
      <c r="G75" s="3"/>
      <c r="H75" s="3"/>
      <c r="I75" s="3"/>
      <c r="J75" s="3"/>
      <c r="K75" s="3"/>
      <c r="L75" s="2"/>
    </row>
  </sheetData>
  <mergeCells count="9">
    <mergeCell ref="A1:B1"/>
    <mergeCell ref="A37:C37"/>
    <mergeCell ref="A39:C39"/>
    <mergeCell ref="A2:G2"/>
    <mergeCell ref="A7:C7"/>
    <mergeCell ref="E7:G7"/>
    <mergeCell ref="A25:C25"/>
    <mergeCell ref="A28:C28"/>
    <mergeCell ref="E28:G28"/>
  </mergeCells>
  <phoneticPr fontId="1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７ 事業実績額明細書</vt:lpstr>
      <vt:lpstr>'別紙７ 事業実績額明細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6T02:25:46Z</cp:lastPrinted>
  <dcterms:created xsi:type="dcterms:W3CDTF">1997-01-08T22:48:59Z</dcterms:created>
  <dcterms:modified xsi:type="dcterms:W3CDTF">2024-09-18T09:08:14Z</dcterms:modified>
</cp:coreProperties>
</file>